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929"/>
  <workbookPr/>
  <mc:AlternateContent xmlns:mc="http://schemas.openxmlformats.org/markup-compatibility/2006">
    <mc:Choice Requires="x15">
      <x15ac:absPath xmlns:x15ac="http://schemas.microsoft.com/office/spreadsheetml/2010/11/ac" url="C:\Users\s7131197\Dropbox\John- Overall\3. Chair\2026 TA's\"/>
    </mc:Choice>
  </mc:AlternateContent>
  <xr:revisionPtr revIDLastSave="0" documentId="8_{2C96964B-7220-4B65-8A77-E697606FA40D}" xr6:coauthVersionLast="47" xr6:coauthVersionMax="47" xr10:uidLastSave="{00000000-0000-0000-0000-000000000000}"/>
  <bookViews>
    <workbookView xWindow="57480" yWindow="-120" windowWidth="29040" windowHeight="15720" xr2:uid="{589CE6CE-8B99-C044-8F02-96DCAC43CA17}"/>
  </bookViews>
  <sheets>
    <sheet name="Sheet1" sheetId="1" r:id="rId1"/>
  </sheet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1" uniqueCount="35">
  <si>
    <t>Department TA Assignments to send to CUPE - added from the MS Form for Faculty submissions</t>
  </si>
  <si>
    <t>Chairs and Admin can add to this spreadsheet</t>
  </si>
  <si>
    <t>Once positions are filled, Admin will add to end column and post on their Dean's webpage for job postings</t>
  </si>
  <si>
    <t>Link for Application Form:</t>
  </si>
  <si>
    <t xml:space="preserve">https://forms.office.com/r/iNMNAAC0fA </t>
  </si>
  <si>
    <t>Job Number</t>
  </si>
  <si>
    <t>Department Name</t>
  </si>
  <si>
    <t>Term</t>
  </si>
  <si>
    <t>Year</t>
  </si>
  <si>
    <t>Course Code</t>
  </si>
  <si>
    <t>Course Number</t>
  </si>
  <si>
    <t>Assignment</t>
  </si>
  <si>
    <t>Work Duties</t>
  </si>
  <si>
    <t>Qualifications</t>
  </si>
  <si>
    <t>Experience</t>
  </si>
  <si>
    <t>Work Schedule</t>
  </si>
  <si>
    <t>Work hours</t>
  </si>
  <si>
    <t>Position Format</t>
  </si>
  <si>
    <t>Filled or Open</t>
  </si>
  <si>
    <t>Management</t>
  </si>
  <si>
    <t>MGMT</t>
  </si>
  <si>
    <t>Partial assignment (36 hours or less per term)</t>
  </si>
  <si>
    <t>Flexible weekly schedule </t>
  </si>
  <si>
    <t>Remote</t>
  </si>
  <si>
    <t>Hybrid</t>
  </si>
  <si>
    <t>Spring (May 4 to June 22)</t>
  </si>
  <si>
    <t xml:space="preserve">Qualifications:
•	Preferecnce for Students who have completed 90 credits in the Bachelor of Commerce program at Saint Mary's.
•	Achieved a GPA of 3.6
</t>
  </si>
  <si>
    <t>ENTR 4110 / ENTR 6110</t>
  </si>
  <si>
    <t>marking specific elements of 125 industry documents called Investment Memos</t>
  </si>
  <si>
    <t>MGMT 3392</t>
  </si>
  <si>
    <t>The TA will support the online delivery of MGMT 3392 Occupational Health and Safety by assisting with course logistics, monitoring Brightspace discussions, grading discussion posts and selected assignments using the course rubrics, providing brief student feedback where appropriate, and responding to routine student questions in consultation with the instructor.</t>
  </si>
  <si>
    <t>ENTR 4110 or ENTR 6110 cpmpleted</t>
  </si>
  <si>
    <t>Some preferred, None required</t>
  </si>
  <si>
    <t>The TA should have strong academic writing and communication skills, good organizational skills, and familiarity with occupational health and safety, organizational behaviour, human resource management, or a related management field. Graduate-level training in business, management, or a related discipline is preferred.</t>
  </si>
  <si>
    <t>Previous experience as a teaching assistant, instructor, marker, or grader is preferred. Experience with Brightspace or similar learning management systems, online course support, student communication, and rubric-based assessment would be an asse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2"/>
      <color theme="1"/>
      <name val="Aptos Narrow"/>
      <family val="2"/>
      <scheme val="minor"/>
    </font>
    <font>
      <b/>
      <sz val="12"/>
      <color theme="1"/>
      <name val="Aptos Narrow"/>
      <family val="2"/>
      <scheme val="minor"/>
    </font>
    <font>
      <u/>
      <sz val="12"/>
      <color theme="10"/>
      <name val="Aptos Narrow"/>
      <family val="2"/>
      <scheme val="minor"/>
    </font>
    <font>
      <sz val="12"/>
      <color rgb="FF000000"/>
      <name val="Aptos Narrow"/>
      <family val="2"/>
      <scheme val="minor"/>
    </font>
    <font>
      <sz val="11"/>
      <color rgb="FF000000"/>
      <name val="Aptos Display"/>
      <family val="2"/>
    </font>
    <font>
      <sz val="14"/>
      <color rgb="FF000000"/>
      <name val="Aptos Narrow"/>
      <family val="2"/>
      <scheme val="minor"/>
    </font>
    <font>
      <b/>
      <sz val="12"/>
      <color rgb="FF000000"/>
      <name val="Aptos Narrow"/>
      <family val="2"/>
      <scheme val="minor"/>
    </font>
    <font>
      <sz val="11"/>
      <color theme="1"/>
      <name val="Aptos Display"/>
      <family val="2"/>
    </font>
    <font>
      <b/>
      <sz val="11"/>
      <color theme="1"/>
      <name val="Aptos Display"/>
      <family val="2"/>
    </font>
    <font>
      <b/>
      <sz val="11"/>
      <color theme="1"/>
      <name val="Aptos Display"/>
    </font>
  </fonts>
  <fills count="3">
    <fill>
      <patternFill patternType="none"/>
    </fill>
    <fill>
      <patternFill patternType="gray125"/>
    </fill>
    <fill>
      <patternFill patternType="solid">
        <fgColor rgb="FFC0E6F5"/>
        <bgColor rgb="FFC0E6F5"/>
      </patternFill>
    </fill>
  </fills>
  <borders count="1">
    <border>
      <left/>
      <right/>
      <top/>
      <bottom/>
      <diagonal/>
    </border>
  </borders>
  <cellStyleXfs count="2">
    <xf numFmtId="0" fontId="0" fillId="0" borderId="0"/>
    <xf numFmtId="0" fontId="2" fillId="0" borderId="0" applyNumberFormat="0" applyFill="0" applyBorder="0" applyAlignment="0" applyProtection="0"/>
  </cellStyleXfs>
  <cellXfs count="28">
    <xf numFmtId="0" fontId="0" fillId="0" borderId="0" xfId="0"/>
    <xf numFmtId="0" fontId="3" fillId="0" borderId="0" xfId="0" applyFont="1" applyAlignment="1">
      <alignment horizontal="left" vertical="top"/>
    </xf>
    <xf numFmtId="0" fontId="3" fillId="0" borderId="0" xfId="0" applyFont="1"/>
    <xf numFmtId="0" fontId="3" fillId="0" borderId="0" xfId="0" applyFont="1" applyAlignment="1">
      <alignment horizontal="left" vertical="center"/>
    </xf>
    <xf numFmtId="0" fontId="4" fillId="0" borderId="0" xfId="0" applyFont="1" applyAlignment="1">
      <alignment vertical="center"/>
    </xf>
    <xf numFmtId="0" fontId="5" fillId="0" borderId="0" xfId="0" applyFont="1"/>
    <xf numFmtId="0" fontId="6" fillId="0" borderId="0" xfId="0" applyFont="1" applyAlignment="1">
      <alignment horizontal="left" vertical="top"/>
    </xf>
    <xf numFmtId="0" fontId="2" fillId="0" borderId="0" xfId="1" applyFill="1" applyBorder="1" applyAlignment="1">
      <alignment horizontal="left" vertical="top"/>
    </xf>
    <xf numFmtId="0" fontId="0" fillId="0" borderId="0" xfId="0" applyAlignment="1">
      <alignment horizontal="left" vertical="center"/>
    </xf>
    <xf numFmtId="0" fontId="7" fillId="0" borderId="0" xfId="0" applyFont="1" applyAlignment="1">
      <alignment vertical="center"/>
    </xf>
    <xf numFmtId="0" fontId="1" fillId="0" borderId="0" xfId="0" applyFont="1"/>
    <xf numFmtId="0" fontId="1" fillId="0" borderId="0" xfId="0" applyFont="1" applyAlignment="1">
      <alignment horizontal="left" vertical="top"/>
    </xf>
    <xf numFmtId="0" fontId="1" fillId="0" borderId="0" xfId="0" applyFont="1" applyAlignment="1">
      <alignment horizontal="left" vertical="center"/>
    </xf>
    <xf numFmtId="0" fontId="1" fillId="0" borderId="0" xfId="0" applyFont="1" applyAlignment="1">
      <alignment horizontal="left" vertical="center" wrapText="1"/>
    </xf>
    <xf numFmtId="0" fontId="1" fillId="0" borderId="0" xfId="0" applyFont="1" applyAlignment="1">
      <alignment vertical="center" wrapText="1"/>
    </xf>
    <xf numFmtId="0" fontId="8" fillId="0" borderId="0" xfId="0" applyFont="1" applyAlignment="1">
      <alignment vertical="center"/>
    </xf>
    <xf numFmtId="0" fontId="2" fillId="0" borderId="0" xfId="1"/>
    <xf numFmtId="0" fontId="9" fillId="0" borderId="0" xfId="0" applyFont="1" applyAlignment="1">
      <alignment vertical="center" wrapText="1"/>
    </xf>
    <xf numFmtId="0" fontId="6" fillId="0" borderId="0" xfId="0" applyFont="1" applyAlignment="1">
      <alignment horizontal="center" vertical="center" wrapText="1"/>
    </xf>
    <xf numFmtId="0" fontId="6" fillId="2" borderId="0" xfId="0" applyFont="1" applyFill="1" applyAlignment="1">
      <alignment horizontal="center" vertical="center" wrapText="1"/>
    </xf>
    <xf numFmtId="0" fontId="0" fillId="0" borderId="0" xfId="0" applyAlignment="1">
      <alignment horizontal="center" vertical="center"/>
    </xf>
    <xf numFmtId="0" fontId="3" fillId="0" borderId="0" xfId="0" applyFont="1"/>
    <xf numFmtId="0" fontId="0" fillId="0" borderId="0" xfId="0"/>
    <xf numFmtId="0" fontId="1" fillId="2" borderId="0" xfId="0" applyFont="1" applyFill="1" applyAlignment="1">
      <alignment horizontal="center" vertical="center"/>
    </xf>
    <xf numFmtId="0" fontId="1" fillId="0" borderId="0" xfId="0" applyFont="1" applyAlignment="1">
      <alignment horizontal="center" vertical="center"/>
    </xf>
    <xf numFmtId="0" fontId="1" fillId="2" borderId="0" xfId="0" applyFont="1" applyFill="1" applyAlignment="1">
      <alignment horizontal="left" vertical="center" wrapText="1"/>
    </xf>
    <xf numFmtId="0" fontId="1" fillId="2" borderId="0" xfId="0" applyFont="1" applyFill="1" applyAlignment="1">
      <alignment vertical="center" wrapText="1"/>
    </xf>
    <xf numFmtId="0" fontId="9" fillId="0" borderId="0" xfId="0" applyFont="1" applyFill="1" applyAlignment="1">
      <alignment vertical="center" wrapText="1"/>
    </xf>
  </cellXfs>
  <cellStyles count="2">
    <cellStyle name="Hyperlink" xfId="1" builtinId="8"/>
    <cellStyle name="Normal" xfId="0" builtinId="0"/>
  </cellStyles>
  <dxfs count="16">
    <dxf>
      <font>
        <b/>
        <i val="0"/>
        <strike val="0"/>
        <condense val="0"/>
        <extend val="0"/>
        <outline val="0"/>
        <shadow val="0"/>
        <u val="none"/>
        <vertAlign val="baseline"/>
        <sz val="11"/>
        <color theme="1"/>
        <name val="Aptos Display"/>
        <scheme val="none"/>
      </font>
      <fill>
        <patternFill patternType="none"/>
      </fill>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dxf>
    <dxf>
      <font>
        <b/>
        <i val="0"/>
        <strike val="0"/>
        <condense val="0"/>
        <extend val="0"/>
        <outline val="0"/>
        <shadow val="0"/>
        <u val="none"/>
        <vertAlign val="baseline"/>
        <sz val="12"/>
        <color theme="1"/>
        <name val="Aptos Narrow"/>
        <family val="2"/>
        <scheme val="minor"/>
      </font>
    </dxf>
    <dxf>
      <font>
        <b/>
        <i val="0"/>
        <strike val="0"/>
        <condense val="0"/>
        <extend val="0"/>
        <outline val="0"/>
        <shadow val="0"/>
        <u val="none"/>
        <vertAlign val="baseline"/>
        <sz val="12"/>
        <color theme="1"/>
        <name val="Aptos Narrow"/>
        <family val="2"/>
        <scheme val="minor"/>
      </font>
    </dxf>
    <dxf>
      <border outline="0">
        <right style="thin">
          <color indexed="64"/>
        </right>
      </border>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border diagonalUp="0" diagonalDown="0" outline="0">
        <left style="thin">
          <color indexed="64"/>
        </left>
        <right style="thin">
          <color indexed="64"/>
        </right>
        <top/>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B9D1EE67-127C-704E-A683-E933C9303A52}" name="reqTable" displayName="reqTable" ref="A11:N14" totalsRowShown="0" headerRowDxfId="15" dataDxfId="14" tableBorderDxfId="13">
  <autoFilter ref="A11:N14" xr:uid="{B9D1EE67-127C-704E-A683-E933C9303A52}"/>
  <sortState xmlns:xlrd2="http://schemas.microsoft.com/office/spreadsheetml/2017/richdata2" ref="A12:N12">
    <sortCondition ref="F11:F12"/>
  </sortState>
  <tableColumns count="14">
    <tableColumn id="1" xr3:uid="{F9E2325D-4FB6-1F4F-8678-EB5FFED00657}" name="Job Number"/>
    <tableColumn id="2" xr3:uid="{6A1130E7-9752-4A47-AA8E-7463ADD9F177}" name="Department Name" dataDxfId="12"/>
    <tableColumn id="3" xr3:uid="{0B183189-3258-EB4D-AE16-DA0EBB3725A1}" name="Term" dataDxfId="11"/>
    <tableColumn id="14" xr3:uid="{68EE54BE-7ACB-48B5-BEE4-3BF86F603465}" name="Year" dataDxfId="10"/>
    <tableColumn id="4" xr3:uid="{7A987F95-A387-1444-A9BC-B9C3721C19FB}" name="Course Code" dataDxfId="9"/>
    <tableColumn id="5" xr3:uid="{3F76FBCE-9CB4-9B4F-88CD-5263838554FE}" name="Course Number" dataDxfId="8"/>
    <tableColumn id="6" xr3:uid="{8538F349-D26D-B74C-A58D-B8949A47CD50}" name="Assignment" dataDxfId="7"/>
    <tableColumn id="7" xr3:uid="{DEFB01B9-4D93-A347-AB6C-8D904C453BC2}" name="Work Duties" dataDxfId="6"/>
    <tableColumn id="8" xr3:uid="{F82C6AA8-0540-134D-A4E9-CF34DE2BAB91}" name="Qualifications" dataDxfId="5"/>
    <tableColumn id="9" xr3:uid="{9A69496A-BA15-C64E-A5B6-118DAD017206}" name="Experience" dataDxfId="4"/>
    <tableColumn id="10" xr3:uid="{4B8F440F-487D-B644-AA44-BF51C378C539}" name="Work Schedule" dataDxfId="3"/>
    <tableColumn id="11" xr3:uid="{A5EFF638-17B9-274A-BC2D-CDDF762EFECC}" name="Work hours" dataDxfId="2"/>
    <tableColumn id="12" xr3:uid="{49616509-2283-6243-9872-7F162F0B065E}" name="Position Format" dataDxfId="1"/>
    <tableColumn id="13" xr3:uid="{A0F7E05C-EDCC-1041-874F-D1792BFD72F6}" name="Filled or Open" dataDxfId="0"/>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hyperlink" Target="https://forms.office.com/r/iNMNAAC0fA"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DEB822-FA5A-7E4D-97EA-5C3FF76B8D65}">
  <dimension ref="A1:O14"/>
  <sheetViews>
    <sheetView tabSelected="1" zoomScale="60" zoomScaleNormal="60" workbookViewId="0">
      <selection activeCell="B7" sqref="B7"/>
    </sheetView>
  </sheetViews>
  <sheetFormatPr defaultColWidth="10.83203125" defaultRowHeight="16" x14ac:dyDescent="0.4"/>
  <cols>
    <col min="1" max="1" width="21.75" customWidth="1"/>
    <col min="2" max="2" width="18" bestFit="1" customWidth="1"/>
    <col min="3" max="3" width="13" bestFit="1" customWidth="1"/>
    <col min="4" max="4" width="13.75" bestFit="1" customWidth="1"/>
    <col min="5" max="5" width="17.83203125" bestFit="1" customWidth="1"/>
    <col min="6" max="6" width="15.08203125" bestFit="1" customWidth="1"/>
    <col min="7" max="7" width="13.58203125" bestFit="1" customWidth="1"/>
    <col min="8" max="8" width="34.33203125" customWidth="1"/>
    <col min="9" max="9" width="32.9140625" customWidth="1"/>
    <col min="10" max="10" width="48.08203125" customWidth="1"/>
    <col min="11" max="11" width="26.83203125" bestFit="1" customWidth="1"/>
    <col min="12" max="12" width="18.75" customWidth="1"/>
    <col min="13" max="13" width="20.08203125" bestFit="1" customWidth="1"/>
    <col min="14" max="14" width="14.08203125" bestFit="1" customWidth="1"/>
  </cols>
  <sheetData>
    <row r="1" spans="1:15" x14ac:dyDescent="0.4">
      <c r="B1" s="21"/>
      <c r="C1" s="21"/>
      <c r="D1" s="2"/>
      <c r="E1" s="2"/>
      <c r="F1" s="2"/>
      <c r="G1" s="2"/>
      <c r="H1" s="2"/>
      <c r="I1" s="2"/>
      <c r="J1" s="3"/>
      <c r="K1" s="2"/>
      <c r="L1" s="2"/>
      <c r="M1" s="4"/>
      <c r="N1" s="2"/>
    </row>
    <row r="2" spans="1:15" ht="18.5" x14ac:dyDescent="0.45">
      <c r="A2" s="1" t="s">
        <v>0</v>
      </c>
      <c r="B2" s="5"/>
      <c r="C2" s="2"/>
      <c r="D2" s="2"/>
      <c r="E2" s="2"/>
      <c r="F2" s="2"/>
      <c r="G2" s="2"/>
      <c r="H2" s="3"/>
      <c r="I2" s="2"/>
      <c r="J2" s="2"/>
      <c r="K2" s="4"/>
      <c r="L2" s="2"/>
    </row>
    <row r="3" spans="1:15" ht="18.5" x14ac:dyDescent="0.45">
      <c r="A3" t="s">
        <v>1</v>
      </c>
      <c r="B3" s="2"/>
      <c r="C3" s="2"/>
      <c r="D3" s="5"/>
      <c r="E3" s="2"/>
      <c r="F3" s="2"/>
      <c r="G3" s="2"/>
      <c r="H3" s="2"/>
      <c r="I3" s="2"/>
      <c r="J3" s="3"/>
      <c r="K3" s="2"/>
      <c r="L3" s="2"/>
      <c r="M3" s="4"/>
      <c r="N3" s="2"/>
    </row>
    <row r="4" spans="1:15" ht="18.5" x14ac:dyDescent="0.45">
      <c r="A4" t="s">
        <v>2</v>
      </c>
      <c r="B4" s="2"/>
      <c r="C4" s="6"/>
      <c r="D4" s="5"/>
      <c r="E4" s="2"/>
      <c r="F4" s="2"/>
      <c r="G4" s="2"/>
      <c r="H4" s="2"/>
      <c r="I4" s="2"/>
      <c r="J4" s="3"/>
      <c r="K4" s="2"/>
      <c r="L4" s="2"/>
      <c r="M4" s="4"/>
      <c r="N4" s="2"/>
    </row>
    <row r="5" spans="1:15" ht="18.5" x14ac:dyDescent="0.45">
      <c r="B5" s="2"/>
      <c r="C5" s="7"/>
      <c r="D5" s="5"/>
      <c r="E5" s="2"/>
      <c r="F5" s="2"/>
      <c r="G5" s="2"/>
      <c r="H5" s="2"/>
      <c r="I5" s="2"/>
      <c r="J5" s="3"/>
      <c r="K5" s="2"/>
      <c r="L5" s="2"/>
      <c r="M5" s="4"/>
      <c r="N5" s="2"/>
    </row>
    <row r="6" spans="1:15" ht="18.5" x14ac:dyDescent="0.45">
      <c r="B6" s="21"/>
      <c r="C6" s="21"/>
      <c r="D6" s="5"/>
      <c r="E6" s="2"/>
      <c r="F6" s="2"/>
      <c r="G6" s="2"/>
      <c r="H6" s="2"/>
      <c r="I6" s="2"/>
      <c r="J6" s="3"/>
      <c r="K6" s="2"/>
      <c r="L6" s="2"/>
      <c r="M6" s="4"/>
      <c r="N6" s="2"/>
    </row>
    <row r="7" spans="1:15" x14ac:dyDescent="0.4">
      <c r="A7" t="s">
        <v>3</v>
      </c>
      <c r="B7" s="16" t="s">
        <v>4</v>
      </c>
    </row>
    <row r="8" spans="1:15" ht="18.5" x14ac:dyDescent="0.45">
      <c r="B8" s="21"/>
      <c r="C8" s="21"/>
      <c r="D8" s="5"/>
      <c r="E8" s="2"/>
      <c r="F8" s="2"/>
      <c r="G8" s="2"/>
      <c r="H8" s="2"/>
      <c r="I8" s="2"/>
      <c r="J8" s="3"/>
      <c r="K8" s="2"/>
      <c r="L8" s="2"/>
      <c r="M8" s="4"/>
      <c r="N8" s="2"/>
    </row>
    <row r="9" spans="1:15" x14ac:dyDescent="0.4">
      <c r="A9" s="1"/>
      <c r="B9" s="2"/>
      <c r="C9" s="2"/>
      <c r="D9" s="2"/>
      <c r="E9" s="2"/>
      <c r="F9" s="2"/>
      <c r="G9" s="2"/>
      <c r="H9" s="3"/>
      <c r="I9" s="2"/>
      <c r="J9" s="2"/>
      <c r="K9" s="4"/>
      <c r="L9" s="2"/>
    </row>
    <row r="10" spans="1:15" x14ac:dyDescent="0.4">
      <c r="B10" s="22"/>
      <c r="C10" s="22"/>
      <c r="J10" s="8"/>
      <c r="M10" s="9"/>
    </row>
    <row r="11" spans="1:15" x14ac:dyDescent="0.4">
      <c r="A11" t="s">
        <v>5</v>
      </c>
      <c r="B11" s="10" t="s">
        <v>6</v>
      </c>
      <c r="C11" s="11" t="s">
        <v>7</v>
      </c>
      <c r="D11" s="11" t="s">
        <v>8</v>
      </c>
      <c r="E11" s="10" t="s">
        <v>9</v>
      </c>
      <c r="F11" s="10" t="s">
        <v>10</v>
      </c>
      <c r="G11" s="10" t="s">
        <v>11</v>
      </c>
      <c r="H11" s="10" t="s">
        <v>12</v>
      </c>
      <c r="I11" s="10" t="s">
        <v>13</v>
      </c>
      <c r="J11" s="10" t="s">
        <v>14</v>
      </c>
      <c r="K11" s="12" t="s">
        <v>15</v>
      </c>
      <c r="L11" s="10" t="s">
        <v>16</v>
      </c>
      <c r="M11" s="10" t="s">
        <v>17</v>
      </c>
      <c r="N11" s="15" t="s">
        <v>18</v>
      </c>
      <c r="O11" s="10"/>
    </row>
    <row r="12" spans="1:15" x14ac:dyDescent="0.4">
      <c r="B12" s="10"/>
      <c r="C12" s="10"/>
      <c r="D12" s="10"/>
      <c r="E12" s="13"/>
      <c r="F12" s="13"/>
      <c r="G12" s="14"/>
      <c r="H12" s="14"/>
      <c r="I12" s="14"/>
      <c r="J12" s="14"/>
      <c r="K12" s="13"/>
      <c r="L12" s="14"/>
      <c r="M12" s="14"/>
      <c r="N12" s="17"/>
      <c r="O12" s="10"/>
    </row>
    <row r="13" spans="1:15" ht="128" x14ac:dyDescent="0.4">
      <c r="A13" s="20">
        <v>30006</v>
      </c>
      <c r="B13" s="23" t="s">
        <v>19</v>
      </c>
      <c r="C13" s="23" t="s">
        <v>25</v>
      </c>
      <c r="D13" s="23">
        <v>2026</v>
      </c>
      <c r="E13" s="25" t="s">
        <v>20</v>
      </c>
      <c r="F13" s="25" t="s">
        <v>27</v>
      </c>
      <c r="G13" s="26" t="s">
        <v>21</v>
      </c>
      <c r="H13" s="26" t="s">
        <v>28</v>
      </c>
      <c r="I13" s="14" t="s">
        <v>26</v>
      </c>
      <c r="J13" s="19" t="s">
        <v>31</v>
      </c>
      <c r="K13" s="19" t="s">
        <v>32</v>
      </c>
      <c r="L13" s="19" t="s">
        <v>22</v>
      </c>
      <c r="M13" s="19" t="s">
        <v>24</v>
      </c>
      <c r="N13" s="27"/>
    </row>
    <row r="14" spans="1:15" ht="176" x14ac:dyDescent="0.4">
      <c r="A14" s="20">
        <v>30007</v>
      </c>
      <c r="B14" s="24" t="s">
        <v>19</v>
      </c>
      <c r="C14" s="24" t="s">
        <v>25</v>
      </c>
      <c r="D14" s="24">
        <v>2026</v>
      </c>
      <c r="E14" s="13" t="s">
        <v>20</v>
      </c>
      <c r="F14" s="13" t="s">
        <v>29</v>
      </c>
      <c r="G14" s="14" t="s">
        <v>21</v>
      </c>
      <c r="H14" s="14" t="s">
        <v>30</v>
      </c>
      <c r="I14" s="14" t="s">
        <v>26</v>
      </c>
      <c r="J14" s="18" t="s">
        <v>33</v>
      </c>
      <c r="K14" s="18" t="s">
        <v>34</v>
      </c>
      <c r="L14" s="18" t="s">
        <v>22</v>
      </c>
      <c r="M14" s="18" t="s">
        <v>23</v>
      </c>
      <c r="N14" s="27"/>
    </row>
  </sheetData>
  <mergeCells count="4">
    <mergeCell ref="B1:C1"/>
    <mergeCell ref="B6:C6"/>
    <mergeCell ref="B8:C8"/>
    <mergeCell ref="B10:C10"/>
  </mergeCells>
  <hyperlinks>
    <hyperlink ref="B7" r:id="rId1" xr:uid="{7BEBAF0E-7854-43F3-BEE8-046EA6BD4939}"/>
  </hyperlinks>
  <pageMargins left="0.7" right="0.7" top="0.75" bottom="0.75" header="0.3" footer="0.3"/>
  <tableParts count="1">
    <tablePart r:id="rId2"/>
  </tablePart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A3FE5A775F2B543A6EE6935EE20ED59" ma:contentTypeVersion="3" ma:contentTypeDescription="Create a new document." ma:contentTypeScope="" ma:versionID="5f59b5550ad409cdb36b1e906734f490">
  <xsd:schema xmlns:xsd="http://www.w3.org/2001/XMLSchema" xmlns:xs="http://www.w3.org/2001/XMLSchema" xmlns:p="http://schemas.microsoft.com/office/2006/metadata/properties" xmlns:ns2="da85246f-3ff2-484c-8255-1b1a07a637b5" targetNamespace="http://schemas.microsoft.com/office/2006/metadata/properties" ma:root="true" ma:fieldsID="a6e77f7c40d0753157fd44f98284ac31" ns2:_="">
    <xsd:import namespace="da85246f-3ff2-484c-8255-1b1a07a637b5"/>
    <xsd:element name="properties">
      <xsd:complexType>
        <xsd:sequence>
          <xsd:element name="documentManagement">
            <xsd:complexType>
              <xsd:all>
                <xsd:element ref="ns2:MediaServiceMetadata" minOccurs="0"/>
                <xsd:element ref="ns2:MediaServiceFastMetadata"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a85246f-3ff2-484c-8255-1b1a07a637b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3BC22E1-3104-45A3-9177-EE22B1E6B8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a85246f-3ff2-484c-8255-1b1a07a637b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90336FB-4A9F-48C8-9885-A6E8C073E5B7}">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C7578614-D2F2-4485-8DAA-9A8C2D60DD6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1</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pril Scheller</dc:creator>
  <cp:keywords/>
  <dc:description/>
  <cp:lastModifiedBy>John Fiset</cp:lastModifiedBy>
  <cp:revision/>
  <dcterms:created xsi:type="dcterms:W3CDTF">2025-12-08T00:13:53Z</dcterms:created>
  <dcterms:modified xsi:type="dcterms:W3CDTF">2026-05-21T18:36:58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A3FE5A775F2B543A6EE6935EE20ED59</vt:lpwstr>
  </property>
</Properties>
</file>